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後\"/>
    </mc:Choice>
  </mc:AlternateContent>
  <bookViews>
    <workbookView xWindow="0" yWindow="0" windowWidth="20400" windowHeight="7230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52511"/>
</workbook>
</file>

<file path=xl/sharedStrings.xml><?xml version="1.0" encoding="utf-8"?>
<sst xmlns="http://schemas.openxmlformats.org/spreadsheetml/2006/main" count="80" uniqueCount="77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歳入歳出</t>
    <phoneticPr fontId="1"/>
  </si>
  <si>
    <t>（H17.10.1）</t>
    <phoneticPr fontId="1"/>
  </si>
  <si>
    <t>（H22.10.1）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7.10.1）</t>
    <phoneticPr fontId="1"/>
  </si>
  <si>
    <t>（H29.10.1）</t>
    <phoneticPr fontId="1"/>
  </si>
  <si>
    <t>* 67.82</t>
    <phoneticPr fontId="1"/>
  </si>
  <si>
    <t>* 35.70</t>
    <phoneticPr fontId="1"/>
  </si>
  <si>
    <t>* 17.18</t>
    <phoneticPr fontId="1"/>
  </si>
  <si>
    <t>*　平塚市、茅ヶ崎市及び大磯町は、境界の一部が未定
　のため、参考値を示した。（出典：国土地理院平成
　29年全国都道府県市区町村別面積調）</t>
    <rPh sb="2" eb="5">
      <t>ヒラツカシ</t>
    </rPh>
    <rPh sb="6" eb="10">
      <t>チガサキシ</t>
    </rPh>
    <rPh sb="10" eb="11">
      <t>オヨ</t>
    </rPh>
    <rPh sb="12" eb="15">
      <t>オオイソマチ</t>
    </rPh>
    <rPh sb="17" eb="19">
      <t>キョウカイ</t>
    </rPh>
    <rPh sb="20" eb="22">
      <t>イチブ</t>
    </rPh>
    <rPh sb="23" eb="25">
      <t>ミテイ</t>
    </rPh>
    <rPh sb="31" eb="33">
      <t>サンコウ</t>
    </rPh>
    <rPh sb="33" eb="34">
      <t>チ</t>
    </rPh>
    <rPh sb="35" eb="36">
      <t>シメ</t>
    </rPh>
    <rPh sb="40" eb="42">
      <t>シュッテン</t>
    </rPh>
    <rPh sb="43" eb="45">
      <t>コクド</t>
    </rPh>
    <rPh sb="45" eb="47">
      <t>チリ</t>
    </rPh>
    <rPh sb="47" eb="48">
      <t>イン</t>
    </rPh>
    <rPh sb="48" eb="50">
      <t>ヘイセイ</t>
    </rPh>
    <rPh sb="54" eb="55">
      <t>ネン</t>
    </rPh>
    <rPh sb="55" eb="57">
      <t>ゼンコク</t>
    </rPh>
    <rPh sb="57" eb="61">
      <t>トドウフケン</t>
    </rPh>
    <rPh sb="61" eb="63">
      <t>シク</t>
    </rPh>
    <rPh sb="63" eb="65">
      <t>チョウソン</t>
    </rPh>
    <rPh sb="65" eb="66">
      <t>ベツ</t>
    </rPh>
    <rPh sb="66" eb="68">
      <t>メンセキ</t>
    </rPh>
    <rPh sb="68" eb="69">
      <t>シラベ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▲ &quot;#,##0"/>
    <numFmt numFmtId="177" formatCode="#,##0.00;&quot;▲ &quot;#,##0.00"/>
  </numFmts>
  <fonts count="8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40"/>
  <sheetViews>
    <sheetView tabSelected="1" view="pageBreakPreview" zoomScaleNormal="100" zoomScaleSheetLayoutView="100" workbookViewId="0">
      <selection activeCell="F39" sqref="F39"/>
    </sheetView>
  </sheetViews>
  <sheetFormatPr defaultColWidth="9.375" defaultRowHeight="11.25"/>
  <cols>
    <col min="1" max="1" width="14.125" style="11" customWidth="1"/>
    <col min="2" max="18" width="9.375" style="17"/>
    <col min="19" max="16384" width="9.3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52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53</v>
      </c>
      <c r="C3" s="12" t="s">
        <v>54</v>
      </c>
      <c r="D3" s="12" t="s">
        <v>71</v>
      </c>
      <c r="E3" s="12" t="s">
        <v>72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55</v>
      </c>
      <c r="N3" s="5" t="s">
        <v>14</v>
      </c>
      <c r="O3" s="5" t="s">
        <v>15</v>
      </c>
      <c r="P3" s="5" t="s">
        <v>16</v>
      </c>
      <c r="Q3" s="5" t="s">
        <v>56</v>
      </c>
      <c r="R3" s="5" t="s">
        <v>57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58</v>
      </c>
      <c r="I4" s="5" t="s">
        <v>17</v>
      </c>
      <c r="J4" s="5"/>
      <c r="K4" s="5"/>
      <c r="L4" s="5"/>
      <c r="M4" s="5"/>
      <c r="N4" s="5"/>
      <c r="O4" s="5" t="s">
        <v>69</v>
      </c>
      <c r="P4" s="5"/>
      <c r="Q4" s="5"/>
      <c r="R4" s="5" t="s">
        <v>60</v>
      </c>
    </row>
    <row r="5" spans="1:18" s="1" customFormat="1" ht="17.25" customHeight="1">
      <c r="A5" s="6"/>
      <c r="B5" s="6"/>
      <c r="C5" s="6"/>
      <c r="D5" s="6"/>
      <c r="E5" s="6"/>
      <c r="F5" s="6" t="s">
        <v>61</v>
      </c>
      <c r="G5" s="6" t="s">
        <v>62</v>
      </c>
      <c r="H5" s="6" t="s">
        <v>63</v>
      </c>
      <c r="I5" s="6" t="s">
        <v>64</v>
      </c>
      <c r="J5" s="5" t="s">
        <v>59</v>
      </c>
      <c r="K5" s="6" t="s">
        <v>65</v>
      </c>
      <c r="L5" s="6" t="s">
        <v>66</v>
      </c>
      <c r="M5" s="6" t="s">
        <v>67</v>
      </c>
      <c r="N5" s="6" t="s">
        <v>68</v>
      </c>
      <c r="O5" s="6" t="s">
        <v>70</v>
      </c>
      <c r="P5" s="6"/>
      <c r="Q5" s="6"/>
      <c r="R5" s="6"/>
    </row>
    <row r="6" spans="1:18" ht="17.25" customHeight="1">
      <c r="A6" s="7" t="s">
        <v>18</v>
      </c>
      <c r="B6" s="13">
        <v>3579628</v>
      </c>
      <c r="C6" s="13">
        <v>3688773</v>
      </c>
      <c r="D6" s="13">
        <v>3724844</v>
      </c>
      <c r="E6" s="18">
        <v>437.56</v>
      </c>
      <c r="F6" s="13">
        <v>1705235891</v>
      </c>
      <c r="G6" s="13">
        <v>1682028520</v>
      </c>
      <c r="H6" s="13">
        <v>23207371</v>
      </c>
      <c r="I6" s="13">
        <v>10151329</v>
      </c>
      <c r="J6" s="13">
        <v>13056042</v>
      </c>
      <c r="K6" s="13">
        <v>4834068</v>
      </c>
      <c r="L6" s="13">
        <v>16047511</v>
      </c>
      <c r="M6" s="13">
        <v>0</v>
      </c>
      <c r="N6" s="13">
        <v>8400000</v>
      </c>
      <c r="O6" s="13">
        <v>12481579</v>
      </c>
      <c r="P6" s="13">
        <v>852024428</v>
      </c>
      <c r="Q6" s="13">
        <v>936031148</v>
      </c>
      <c r="R6" s="13">
        <v>60120789</v>
      </c>
    </row>
    <row r="7" spans="1:18" s="3" customFormat="1" ht="17.25" customHeight="1">
      <c r="A7" s="8" t="s">
        <v>19</v>
      </c>
      <c r="B7" s="14">
        <v>1327011</v>
      </c>
      <c r="C7" s="14">
        <v>1425512</v>
      </c>
      <c r="D7" s="14">
        <v>1475213</v>
      </c>
      <c r="E7" s="19">
        <v>143.01</v>
      </c>
      <c r="F7" s="14">
        <v>700798709</v>
      </c>
      <c r="G7" s="14">
        <v>697012352</v>
      </c>
      <c r="H7" s="14">
        <v>3786357</v>
      </c>
      <c r="I7" s="14">
        <v>3069716</v>
      </c>
      <c r="J7" s="14">
        <v>716641</v>
      </c>
      <c r="K7" s="14">
        <v>139242</v>
      </c>
      <c r="L7" s="14">
        <v>126189</v>
      </c>
      <c r="M7" s="14">
        <v>0</v>
      </c>
      <c r="N7" s="14">
        <v>0</v>
      </c>
      <c r="O7" s="14">
        <v>265431</v>
      </c>
      <c r="P7" s="14">
        <v>360226158</v>
      </c>
      <c r="Q7" s="14">
        <v>360255112</v>
      </c>
      <c r="R7" s="14">
        <v>28954</v>
      </c>
    </row>
    <row r="8" spans="1:18" ht="17.25" customHeight="1">
      <c r="A8" s="25" t="s">
        <v>20</v>
      </c>
      <c r="B8" s="26">
        <v>701630</v>
      </c>
      <c r="C8" s="26">
        <v>717544</v>
      </c>
      <c r="D8" s="26">
        <v>720780</v>
      </c>
      <c r="E8" s="27">
        <v>328.91</v>
      </c>
      <c r="F8" s="26">
        <v>292558612</v>
      </c>
      <c r="G8" s="26">
        <v>283547810</v>
      </c>
      <c r="H8" s="26">
        <v>9010802</v>
      </c>
      <c r="I8" s="26">
        <v>1171636</v>
      </c>
      <c r="J8" s="26">
        <v>7839166</v>
      </c>
      <c r="K8" s="26">
        <v>1506853</v>
      </c>
      <c r="L8" s="26">
        <v>4935</v>
      </c>
      <c r="M8" s="26">
        <v>0</v>
      </c>
      <c r="N8" s="26">
        <v>4700000</v>
      </c>
      <c r="O8" s="26">
        <v>-3188212</v>
      </c>
      <c r="P8" s="26">
        <v>137490359</v>
      </c>
      <c r="Q8" s="26">
        <v>168376452</v>
      </c>
      <c r="R8" s="26">
        <v>18227898</v>
      </c>
    </row>
    <row r="9" spans="1:18" ht="17.25" customHeight="1">
      <c r="A9" s="8" t="s">
        <v>21</v>
      </c>
      <c r="B9" s="14">
        <v>426178</v>
      </c>
      <c r="C9" s="14">
        <v>418325</v>
      </c>
      <c r="D9" s="14">
        <v>406586</v>
      </c>
      <c r="E9" s="19">
        <v>100.82</v>
      </c>
      <c r="F9" s="14">
        <v>146755455</v>
      </c>
      <c r="G9" s="14">
        <v>143499055</v>
      </c>
      <c r="H9" s="14">
        <v>3256400</v>
      </c>
      <c r="I9" s="14">
        <v>220242</v>
      </c>
      <c r="J9" s="14">
        <v>3036158</v>
      </c>
      <c r="K9" s="14">
        <v>-198037</v>
      </c>
      <c r="L9" s="14">
        <v>621</v>
      </c>
      <c r="M9" s="14">
        <v>0</v>
      </c>
      <c r="N9" s="14">
        <v>1733244</v>
      </c>
      <c r="O9" s="14">
        <v>-1930660</v>
      </c>
      <c r="P9" s="14">
        <v>63591515</v>
      </c>
      <c r="Q9" s="14">
        <v>81800506</v>
      </c>
      <c r="R9" s="14">
        <v>6896608</v>
      </c>
    </row>
    <row r="10" spans="1:18" s="3" customFormat="1" ht="17.25" customHeight="1">
      <c r="A10" s="8" t="s">
        <v>22</v>
      </c>
      <c r="B10" s="14">
        <v>258958</v>
      </c>
      <c r="C10" s="14">
        <v>260780</v>
      </c>
      <c r="D10" s="14">
        <v>258227</v>
      </c>
      <c r="E10" s="22" t="s">
        <v>73</v>
      </c>
      <c r="F10" s="14">
        <v>85968068</v>
      </c>
      <c r="G10" s="14">
        <v>82315501</v>
      </c>
      <c r="H10" s="14">
        <v>3652567</v>
      </c>
      <c r="I10" s="14">
        <v>467555</v>
      </c>
      <c r="J10" s="14">
        <v>3185012</v>
      </c>
      <c r="K10" s="14">
        <v>-172772</v>
      </c>
      <c r="L10" s="14">
        <v>29540</v>
      </c>
      <c r="M10" s="14">
        <v>2600</v>
      </c>
      <c r="N10" s="14">
        <v>380000</v>
      </c>
      <c r="O10" s="14">
        <v>-520632</v>
      </c>
      <c r="P10" s="14">
        <v>45654081</v>
      </c>
      <c r="Q10" s="14">
        <v>48777069</v>
      </c>
      <c r="R10" s="14">
        <v>2183226</v>
      </c>
    </row>
    <row r="11" spans="1:18" s="3" customFormat="1" ht="17.25" customHeight="1">
      <c r="A11" s="8" t="s">
        <v>23</v>
      </c>
      <c r="B11" s="14">
        <v>171158</v>
      </c>
      <c r="C11" s="14">
        <v>174314</v>
      </c>
      <c r="D11" s="14">
        <v>173019</v>
      </c>
      <c r="E11" s="19">
        <v>39.67</v>
      </c>
      <c r="F11" s="14">
        <v>61724290</v>
      </c>
      <c r="G11" s="14">
        <v>59644157</v>
      </c>
      <c r="H11" s="14">
        <v>2080133</v>
      </c>
      <c r="I11" s="14">
        <v>538683</v>
      </c>
      <c r="J11" s="14">
        <v>1541450</v>
      </c>
      <c r="K11" s="14">
        <v>-817398</v>
      </c>
      <c r="L11" s="14">
        <v>967121</v>
      </c>
      <c r="M11" s="14">
        <v>0</v>
      </c>
      <c r="N11" s="14">
        <v>484338</v>
      </c>
      <c r="O11" s="14">
        <v>-334615</v>
      </c>
      <c r="P11" s="14">
        <v>35728036</v>
      </c>
      <c r="Q11" s="14">
        <v>35728036</v>
      </c>
      <c r="R11" s="14">
        <v>0</v>
      </c>
    </row>
    <row r="12" spans="1:18" s="3" customFormat="1" ht="17.25" customHeight="1">
      <c r="A12" s="8" t="s">
        <v>24</v>
      </c>
      <c r="B12" s="14">
        <v>396014</v>
      </c>
      <c r="C12" s="14">
        <v>409657</v>
      </c>
      <c r="D12" s="14">
        <v>423894</v>
      </c>
      <c r="E12" s="19">
        <v>69.569999999999993</v>
      </c>
      <c r="F12" s="14">
        <v>159693717</v>
      </c>
      <c r="G12" s="14">
        <v>152989934</v>
      </c>
      <c r="H12" s="14">
        <v>6703783</v>
      </c>
      <c r="I12" s="14">
        <v>472211</v>
      </c>
      <c r="J12" s="14">
        <v>6231572</v>
      </c>
      <c r="K12" s="14">
        <v>1977783</v>
      </c>
      <c r="L12" s="14">
        <v>700726</v>
      </c>
      <c r="M12" s="14">
        <v>0</v>
      </c>
      <c r="N12" s="14">
        <v>2500000</v>
      </c>
      <c r="O12" s="14">
        <v>178509</v>
      </c>
      <c r="P12" s="14">
        <v>82124037</v>
      </c>
      <c r="Q12" s="14">
        <v>82124037</v>
      </c>
      <c r="R12" s="14">
        <v>0</v>
      </c>
    </row>
    <row r="13" spans="1:18" s="3" customFormat="1" ht="17.25" customHeight="1">
      <c r="A13" s="8" t="s">
        <v>25</v>
      </c>
      <c r="B13" s="14">
        <v>198741</v>
      </c>
      <c r="C13" s="14">
        <v>198327</v>
      </c>
      <c r="D13" s="14">
        <v>194086</v>
      </c>
      <c r="E13" s="19">
        <v>113.81</v>
      </c>
      <c r="F13" s="14">
        <v>71784800</v>
      </c>
      <c r="G13" s="14">
        <v>67715231</v>
      </c>
      <c r="H13" s="14">
        <v>4069569</v>
      </c>
      <c r="I13" s="14">
        <v>221074</v>
      </c>
      <c r="J13" s="14">
        <v>3848495</v>
      </c>
      <c r="K13" s="14">
        <v>259819</v>
      </c>
      <c r="L13" s="14">
        <v>1330989</v>
      </c>
      <c r="M13" s="14">
        <v>434034</v>
      </c>
      <c r="N13" s="14">
        <v>1120000</v>
      </c>
      <c r="O13" s="14">
        <v>904842</v>
      </c>
      <c r="P13" s="14">
        <v>35239325</v>
      </c>
      <c r="Q13" s="14">
        <v>37945386</v>
      </c>
      <c r="R13" s="14">
        <v>1750768</v>
      </c>
    </row>
    <row r="14" spans="1:18" s="3" customFormat="1" ht="17.25" customHeight="1">
      <c r="A14" s="8" t="s">
        <v>26</v>
      </c>
      <c r="B14" s="14">
        <v>228420</v>
      </c>
      <c r="C14" s="14">
        <v>235081</v>
      </c>
      <c r="D14" s="14">
        <v>239348</v>
      </c>
      <c r="E14" s="22" t="s">
        <v>74</v>
      </c>
      <c r="F14" s="14">
        <v>76560968</v>
      </c>
      <c r="G14" s="14">
        <v>72283128</v>
      </c>
      <c r="H14" s="14">
        <v>4277840</v>
      </c>
      <c r="I14" s="14">
        <v>355695</v>
      </c>
      <c r="J14" s="14">
        <v>3922145</v>
      </c>
      <c r="K14" s="14">
        <v>1264298</v>
      </c>
      <c r="L14" s="14">
        <v>475</v>
      </c>
      <c r="M14" s="14">
        <v>55384</v>
      </c>
      <c r="N14" s="14">
        <v>0</v>
      </c>
      <c r="O14" s="14">
        <v>1320157</v>
      </c>
      <c r="P14" s="14">
        <v>37426484</v>
      </c>
      <c r="Q14" s="14">
        <v>41548339</v>
      </c>
      <c r="R14" s="14">
        <v>2596870</v>
      </c>
    </row>
    <row r="15" spans="1:18" s="3" customFormat="1" ht="17.25" customHeight="1">
      <c r="A15" s="8" t="s">
        <v>27</v>
      </c>
      <c r="B15" s="14">
        <v>58033</v>
      </c>
      <c r="C15" s="14">
        <v>58302</v>
      </c>
      <c r="D15" s="14">
        <v>57425</v>
      </c>
      <c r="E15" s="19">
        <v>17.28</v>
      </c>
      <c r="F15" s="14">
        <v>20273545</v>
      </c>
      <c r="G15" s="14">
        <v>19460193</v>
      </c>
      <c r="H15" s="14">
        <v>813352</v>
      </c>
      <c r="I15" s="14">
        <v>5329</v>
      </c>
      <c r="J15" s="14">
        <v>808023</v>
      </c>
      <c r="K15" s="14">
        <v>351658</v>
      </c>
      <c r="L15" s="14">
        <v>404173</v>
      </c>
      <c r="M15" s="14">
        <v>0</v>
      </c>
      <c r="N15" s="14">
        <v>673287</v>
      </c>
      <c r="O15" s="14">
        <v>82544</v>
      </c>
      <c r="P15" s="14">
        <v>9904760</v>
      </c>
      <c r="Q15" s="14">
        <v>11921458</v>
      </c>
      <c r="R15" s="14">
        <v>881551</v>
      </c>
    </row>
    <row r="16" spans="1:18" s="3" customFormat="1" ht="17.25" customHeight="1">
      <c r="A16" s="8" t="s">
        <v>28</v>
      </c>
      <c r="B16" s="14">
        <v>49861</v>
      </c>
      <c r="C16" s="14">
        <v>48352</v>
      </c>
      <c r="D16" s="14">
        <v>45289</v>
      </c>
      <c r="E16" s="19">
        <v>32.049999999999997</v>
      </c>
      <c r="F16" s="14">
        <v>16827985</v>
      </c>
      <c r="G16" s="14">
        <v>16409123</v>
      </c>
      <c r="H16" s="14">
        <v>418862</v>
      </c>
      <c r="I16" s="14">
        <v>104907</v>
      </c>
      <c r="J16" s="14">
        <v>313955</v>
      </c>
      <c r="K16" s="14">
        <v>140615</v>
      </c>
      <c r="L16" s="14">
        <v>23</v>
      </c>
      <c r="M16" s="14">
        <v>0</v>
      </c>
      <c r="N16" s="14">
        <v>0</v>
      </c>
      <c r="O16" s="14">
        <v>140638</v>
      </c>
      <c r="P16" s="14">
        <v>6146193</v>
      </c>
      <c r="Q16" s="14">
        <v>9805522</v>
      </c>
      <c r="R16" s="14">
        <v>734945</v>
      </c>
    </row>
    <row r="17" spans="1:18" s="3" customFormat="1" ht="17.25" customHeight="1">
      <c r="A17" s="8" t="s">
        <v>29</v>
      </c>
      <c r="B17" s="14">
        <v>168317</v>
      </c>
      <c r="C17" s="14">
        <v>170145</v>
      </c>
      <c r="D17" s="14">
        <v>167378</v>
      </c>
      <c r="E17" s="19">
        <v>103.76</v>
      </c>
      <c r="F17" s="14">
        <v>52208735</v>
      </c>
      <c r="G17" s="14">
        <v>49405247</v>
      </c>
      <c r="H17" s="14">
        <v>2803488</v>
      </c>
      <c r="I17" s="14">
        <v>400465</v>
      </c>
      <c r="J17" s="14">
        <v>2403023</v>
      </c>
      <c r="K17" s="14">
        <v>801231</v>
      </c>
      <c r="L17" s="14">
        <v>25974</v>
      </c>
      <c r="M17" s="14">
        <v>43534</v>
      </c>
      <c r="N17" s="14">
        <v>2051686</v>
      </c>
      <c r="O17" s="14">
        <v>-1180947</v>
      </c>
      <c r="P17" s="14">
        <v>25016551</v>
      </c>
      <c r="Q17" s="14">
        <v>29276149</v>
      </c>
      <c r="R17" s="14">
        <v>2117966</v>
      </c>
    </row>
    <row r="18" spans="1:18" s="3" customFormat="1" ht="17.25" customHeight="1">
      <c r="A18" s="8" t="s">
        <v>30</v>
      </c>
      <c r="B18" s="14">
        <v>222403</v>
      </c>
      <c r="C18" s="14">
        <v>224420</v>
      </c>
      <c r="D18" s="14">
        <v>225714</v>
      </c>
      <c r="E18" s="19">
        <v>93.84</v>
      </c>
      <c r="F18" s="14">
        <v>89402451</v>
      </c>
      <c r="G18" s="14">
        <v>85320049</v>
      </c>
      <c r="H18" s="14">
        <v>4082402</v>
      </c>
      <c r="I18" s="14">
        <v>262460</v>
      </c>
      <c r="J18" s="14">
        <v>3819942</v>
      </c>
      <c r="K18" s="14">
        <v>393440</v>
      </c>
      <c r="L18" s="14">
        <v>4298811</v>
      </c>
      <c r="M18" s="14">
        <v>0</v>
      </c>
      <c r="N18" s="14">
        <v>80372</v>
      </c>
      <c r="O18" s="14">
        <v>4611879</v>
      </c>
      <c r="P18" s="14">
        <v>45269402</v>
      </c>
      <c r="Q18" s="14">
        <v>45269402</v>
      </c>
      <c r="R18" s="14">
        <v>0</v>
      </c>
    </row>
    <row r="19" spans="1:18" s="3" customFormat="1" ht="17.25" customHeight="1">
      <c r="A19" s="8" t="s">
        <v>31</v>
      </c>
      <c r="B19" s="14">
        <v>221220</v>
      </c>
      <c r="C19" s="14">
        <v>228186</v>
      </c>
      <c r="D19" s="14">
        <v>232922</v>
      </c>
      <c r="E19" s="19">
        <v>27.09</v>
      </c>
      <c r="F19" s="14">
        <v>75843165</v>
      </c>
      <c r="G19" s="14">
        <v>73172187</v>
      </c>
      <c r="H19" s="14">
        <v>2670978</v>
      </c>
      <c r="I19" s="14">
        <v>210843</v>
      </c>
      <c r="J19" s="14">
        <v>2460135</v>
      </c>
      <c r="K19" s="14">
        <v>-407640</v>
      </c>
      <c r="L19" s="14">
        <v>820</v>
      </c>
      <c r="M19" s="14">
        <v>0</v>
      </c>
      <c r="N19" s="14">
        <v>1570000</v>
      </c>
      <c r="O19" s="14">
        <v>-1976820</v>
      </c>
      <c r="P19" s="14">
        <v>38880609</v>
      </c>
      <c r="Q19" s="14">
        <v>41345457</v>
      </c>
      <c r="R19" s="14">
        <v>1683049</v>
      </c>
    </row>
    <row r="20" spans="1:18" s="3" customFormat="1" ht="17.25" customHeight="1">
      <c r="A20" s="8" t="s">
        <v>32</v>
      </c>
      <c r="B20" s="14">
        <v>100579</v>
      </c>
      <c r="C20" s="14">
        <v>101039</v>
      </c>
      <c r="D20" s="14">
        <v>101514</v>
      </c>
      <c r="E20" s="19">
        <v>55.56</v>
      </c>
      <c r="F20" s="14">
        <v>32249561</v>
      </c>
      <c r="G20" s="14">
        <v>31289878</v>
      </c>
      <c r="H20" s="14">
        <v>959683</v>
      </c>
      <c r="I20" s="14">
        <v>34603</v>
      </c>
      <c r="J20" s="14">
        <v>925080</v>
      </c>
      <c r="K20" s="14">
        <v>47689</v>
      </c>
      <c r="L20" s="14">
        <v>257970</v>
      </c>
      <c r="M20" s="14">
        <v>0</v>
      </c>
      <c r="N20" s="14">
        <v>0</v>
      </c>
      <c r="O20" s="14">
        <v>305659</v>
      </c>
      <c r="P20" s="14">
        <v>18266841</v>
      </c>
      <c r="Q20" s="14">
        <v>19169046</v>
      </c>
      <c r="R20" s="14">
        <v>546581</v>
      </c>
    </row>
    <row r="21" spans="1:18" s="3" customFormat="1" ht="17.25" customHeight="1">
      <c r="A21" s="8" t="s">
        <v>33</v>
      </c>
      <c r="B21" s="14">
        <v>123764</v>
      </c>
      <c r="C21" s="14">
        <v>127707</v>
      </c>
      <c r="D21" s="14">
        <v>130190</v>
      </c>
      <c r="E21" s="19">
        <v>26.59</v>
      </c>
      <c r="F21" s="14">
        <v>41457029</v>
      </c>
      <c r="G21" s="14">
        <v>40069163</v>
      </c>
      <c r="H21" s="14">
        <v>1387866</v>
      </c>
      <c r="I21" s="14">
        <v>386853</v>
      </c>
      <c r="J21" s="14">
        <v>1001013</v>
      </c>
      <c r="K21" s="14">
        <v>-56843</v>
      </c>
      <c r="L21" s="14">
        <v>9086</v>
      </c>
      <c r="M21" s="14">
        <v>0</v>
      </c>
      <c r="N21" s="14">
        <v>16082</v>
      </c>
      <c r="O21" s="14">
        <v>-63839</v>
      </c>
      <c r="P21" s="14">
        <v>23971610</v>
      </c>
      <c r="Q21" s="14">
        <v>23971610</v>
      </c>
      <c r="R21" s="14">
        <v>0</v>
      </c>
    </row>
    <row r="22" spans="1:18" s="3" customFormat="1" ht="17.25" customHeight="1">
      <c r="A22" s="8" t="s">
        <v>34</v>
      </c>
      <c r="B22" s="14">
        <v>128174</v>
      </c>
      <c r="C22" s="14">
        <v>129436</v>
      </c>
      <c r="D22" s="14">
        <v>128737</v>
      </c>
      <c r="E22" s="19">
        <v>17.57</v>
      </c>
      <c r="F22" s="14">
        <v>43631095</v>
      </c>
      <c r="G22" s="14">
        <v>42435931</v>
      </c>
      <c r="H22" s="14">
        <v>1195164</v>
      </c>
      <c r="I22" s="14">
        <v>110359</v>
      </c>
      <c r="J22" s="14">
        <v>1084805</v>
      </c>
      <c r="K22" s="14">
        <v>112654</v>
      </c>
      <c r="L22" s="14">
        <v>2053242</v>
      </c>
      <c r="M22" s="14">
        <v>0</v>
      </c>
      <c r="N22" s="14">
        <v>881959</v>
      </c>
      <c r="O22" s="14">
        <v>1283937</v>
      </c>
      <c r="P22" s="14">
        <v>19701328</v>
      </c>
      <c r="Q22" s="14">
        <v>23509966</v>
      </c>
      <c r="R22" s="14">
        <v>1770780</v>
      </c>
    </row>
    <row r="23" spans="1:18" s="3" customFormat="1" ht="17.25" customHeight="1">
      <c r="A23" s="8" t="s">
        <v>35</v>
      </c>
      <c r="B23" s="14">
        <v>44134</v>
      </c>
      <c r="C23" s="14">
        <v>44020</v>
      </c>
      <c r="D23" s="14">
        <v>43306</v>
      </c>
      <c r="E23" s="19">
        <v>77.12</v>
      </c>
      <c r="F23" s="14">
        <v>14945834</v>
      </c>
      <c r="G23" s="14">
        <v>14316590</v>
      </c>
      <c r="H23" s="14">
        <v>629244</v>
      </c>
      <c r="I23" s="14">
        <v>20567</v>
      </c>
      <c r="J23" s="14">
        <v>608677</v>
      </c>
      <c r="K23" s="14">
        <v>171482</v>
      </c>
      <c r="L23" s="14">
        <v>520000</v>
      </c>
      <c r="M23" s="14">
        <v>0</v>
      </c>
      <c r="N23" s="14">
        <v>150000</v>
      </c>
      <c r="O23" s="14">
        <v>541482</v>
      </c>
      <c r="P23" s="14">
        <v>7471582</v>
      </c>
      <c r="Q23" s="14">
        <v>8812618</v>
      </c>
      <c r="R23" s="14">
        <v>699166</v>
      </c>
    </row>
    <row r="24" spans="1:18" ht="17.25" customHeight="1">
      <c r="A24" s="8" t="s">
        <v>36</v>
      </c>
      <c r="B24" s="14">
        <v>81767</v>
      </c>
      <c r="C24" s="14">
        <v>83167</v>
      </c>
      <c r="D24" s="14">
        <v>84460</v>
      </c>
      <c r="E24" s="19">
        <v>22.14</v>
      </c>
      <c r="F24" s="14">
        <v>31412091</v>
      </c>
      <c r="G24" s="14">
        <v>30238537</v>
      </c>
      <c r="H24" s="14">
        <v>1173554</v>
      </c>
      <c r="I24" s="14">
        <v>230133</v>
      </c>
      <c r="J24" s="14">
        <v>943421</v>
      </c>
      <c r="K24" s="14">
        <v>507816</v>
      </c>
      <c r="L24" s="14">
        <v>67660</v>
      </c>
      <c r="M24" s="14">
        <v>0</v>
      </c>
      <c r="N24" s="14">
        <v>35000</v>
      </c>
      <c r="O24" s="14">
        <v>540476</v>
      </c>
      <c r="P24" s="14">
        <v>13977658</v>
      </c>
      <c r="Q24" s="14">
        <v>16021758</v>
      </c>
      <c r="R24" s="14">
        <v>1082629</v>
      </c>
    </row>
    <row r="25" spans="1:18" ht="17.25" customHeight="1">
      <c r="A25" s="28" t="s">
        <v>37</v>
      </c>
      <c r="B25" s="29">
        <v>31531</v>
      </c>
      <c r="C25" s="29">
        <v>32766</v>
      </c>
      <c r="D25" s="29">
        <v>32096</v>
      </c>
      <c r="E25" s="30">
        <v>17.04</v>
      </c>
      <c r="F25" s="29">
        <v>10426622</v>
      </c>
      <c r="G25" s="29">
        <v>9849670</v>
      </c>
      <c r="H25" s="29">
        <v>576952</v>
      </c>
      <c r="I25" s="29">
        <v>25980</v>
      </c>
      <c r="J25" s="29">
        <v>550972</v>
      </c>
      <c r="K25" s="29">
        <v>-58356</v>
      </c>
      <c r="L25" s="29">
        <v>260065</v>
      </c>
      <c r="M25" s="29">
        <v>0</v>
      </c>
      <c r="N25" s="29">
        <v>221600</v>
      </c>
      <c r="O25" s="29">
        <v>-19891</v>
      </c>
      <c r="P25" s="29">
        <v>5954422</v>
      </c>
      <c r="Q25" s="29">
        <v>6857260</v>
      </c>
      <c r="R25" s="29">
        <v>448539</v>
      </c>
    </row>
    <row r="26" spans="1:18" s="3" customFormat="1" ht="17.25" customHeight="1">
      <c r="A26" s="8" t="s">
        <v>38</v>
      </c>
      <c r="B26" s="14">
        <v>47457</v>
      </c>
      <c r="C26" s="14">
        <v>47672</v>
      </c>
      <c r="D26" s="14">
        <v>47936</v>
      </c>
      <c r="E26" s="19">
        <v>13.34</v>
      </c>
      <c r="F26" s="14">
        <v>17096304</v>
      </c>
      <c r="G26" s="14">
        <v>15861895</v>
      </c>
      <c r="H26" s="14">
        <v>1234409</v>
      </c>
      <c r="I26" s="14">
        <v>72048</v>
      </c>
      <c r="J26" s="14">
        <v>1162361</v>
      </c>
      <c r="K26" s="14">
        <v>478621</v>
      </c>
      <c r="L26" s="14">
        <v>461972</v>
      </c>
      <c r="M26" s="14">
        <v>0</v>
      </c>
      <c r="N26" s="14">
        <v>640029</v>
      </c>
      <c r="O26" s="14">
        <v>300564</v>
      </c>
      <c r="P26" s="14">
        <v>9121778</v>
      </c>
      <c r="Q26" s="14">
        <v>9121778</v>
      </c>
      <c r="R26" s="14">
        <v>0</v>
      </c>
    </row>
    <row r="27" spans="1:18" s="3" customFormat="1" ht="17.25" customHeight="1">
      <c r="A27" s="8" t="s">
        <v>39</v>
      </c>
      <c r="B27" s="14">
        <v>32590</v>
      </c>
      <c r="C27" s="14">
        <v>33032</v>
      </c>
      <c r="D27" s="14">
        <v>31550</v>
      </c>
      <c r="E27" s="22" t="s">
        <v>75</v>
      </c>
      <c r="F27" s="14">
        <v>11261859</v>
      </c>
      <c r="G27" s="14">
        <v>10838098</v>
      </c>
      <c r="H27" s="14">
        <v>423761</v>
      </c>
      <c r="I27" s="14">
        <v>58120</v>
      </c>
      <c r="J27" s="14">
        <v>365641</v>
      </c>
      <c r="K27" s="14">
        <v>-128012</v>
      </c>
      <c r="L27" s="14">
        <v>378507</v>
      </c>
      <c r="M27" s="14">
        <v>0</v>
      </c>
      <c r="N27" s="14">
        <v>268000</v>
      </c>
      <c r="O27" s="14">
        <v>-17505</v>
      </c>
      <c r="P27" s="14">
        <v>5691077</v>
      </c>
      <c r="Q27" s="14">
        <v>6799371</v>
      </c>
      <c r="R27" s="14">
        <v>496535</v>
      </c>
    </row>
    <row r="28" spans="1:18" s="3" customFormat="1" ht="17.25" customHeight="1">
      <c r="A28" s="8" t="s">
        <v>40</v>
      </c>
      <c r="B28" s="14">
        <v>30247</v>
      </c>
      <c r="C28" s="14">
        <v>29522</v>
      </c>
      <c r="D28" s="14">
        <v>28378</v>
      </c>
      <c r="E28" s="19">
        <v>9.08</v>
      </c>
      <c r="F28" s="14">
        <v>8373373</v>
      </c>
      <c r="G28" s="14">
        <v>8097252</v>
      </c>
      <c r="H28" s="14">
        <v>276121</v>
      </c>
      <c r="I28" s="14">
        <v>7561</v>
      </c>
      <c r="J28" s="14">
        <v>268560</v>
      </c>
      <c r="K28" s="14">
        <v>47305</v>
      </c>
      <c r="L28" s="14">
        <v>430044</v>
      </c>
      <c r="M28" s="14">
        <v>0</v>
      </c>
      <c r="N28" s="14">
        <v>62000</v>
      </c>
      <c r="O28" s="14">
        <v>415349</v>
      </c>
      <c r="P28" s="14">
        <v>4857671</v>
      </c>
      <c r="Q28" s="14">
        <v>5878793</v>
      </c>
      <c r="R28" s="14">
        <v>294803</v>
      </c>
    </row>
    <row r="29" spans="1:18" s="3" customFormat="1" ht="17.25" customHeight="1">
      <c r="A29" s="8" t="s">
        <v>41</v>
      </c>
      <c r="B29" s="14">
        <v>10173</v>
      </c>
      <c r="C29" s="14">
        <v>10010</v>
      </c>
      <c r="D29" s="14">
        <v>9679</v>
      </c>
      <c r="E29" s="19">
        <v>19.989999999999998</v>
      </c>
      <c r="F29" s="14">
        <v>4010613</v>
      </c>
      <c r="G29" s="14">
        <v>3749249</v>
      </c>
      <c r="H29" s="14">
        <v>261364</v>
      </c>
      <c r="I29" s="14">
        <v>3773</v>
      </c>
      <c r="J29" s="14">
        <v>257591</v>
      </c>
      <c r="K29" s="14">
        <v>32366</v>
      </c>
      <c r="L29" s="14">
        <v>70232</v>
      </c>
      <c r="M29" s="14">
        <v>0</v>
      </c>
      <c r="N29" s="14">
        <v>0</v>
      </c>
      <c r="O29" s="14">
        <v>102598</v>
      </c>
      <c r="P29" s="14">
        <v>2915238</v>
      </c>
      <c r="Q29" s="14">
        <v>2915238</v>
      </c>
      <c r="R29" s="14">
        <v>0</v>
      </c>
    </row>
    <row r="30" spans="1:18" s="3" customFormat="1" ht="17.25" customHeight="1">
      <c r="A30" s="8" t="s">
        <v>42</v>
      </c>
      <c r="B30" s="14">
        <v>17530</v>
      </c>
      <c r="C30" s="14">
        <v>17972</v>
      </c>
      <c r="D30" s="14">
        <v>17033</v>
      </c>
      <c r="E30" s="19">
        <v>14.38</v>
      </c>
      <c r="F30" s="14">
        <v>5676145</v>
      </c>
      <c r="G30" s="14">
        <v>5332081</v>
      </c>
      <c r="H30" s="14">
        <v>344064</v>
      </c>
      <c r="I30" s="14">
        <v>60600</v>
      </c>
      <c r="J30" s="14">
        <v>283464</v>
      </c>
      <c r="K30" s="14">
        <v>-22523</v>
      </c>
      <c r="L30" s="14">
        <v>507</v>
      </c>
      <c r="M30" s="14">
        <v>0</v>
      </c>
      <c r="N30" s="14">
        <v>0</v>
      </c>
      <c r="O30" s="14">
        <v>-22016</v>
      </c>
      <c r="P30" s="14">
        <v>3115291</v>
      </c>
      <c r="Q30" s="14">
        <v>3866847</v>
      </c>
      <c r="R30" s="14">
        <v>299437</v>
      </c>
    </row>
    <row r="31" spans="1:18" s="3" customFormat="1" ht="17.25" customHeight="1">
      <c r="A31" s="8" t="s">
        <v>43</v>
      </c>
      <c r="B31" s="14">
        <v>12399</v>
      </c>
      <c r="C31" s="14">
        <v>11676</v>
      </c>
      <c r="D31" s="14">
        <v>11171</v>
      </c>
      <c r="E31" s="19">
        <v>37.75</v>
      </c>
      <c r="F31" s="14">
        <v>4600811</v>
      </c>
      <c r="G31" s="14">
        <v>4294638</v>
      </c>
      <c r="H31" s="14">
        <v>306173</v>
      </c>
      <c r="I31" s="14">
        <v>12862</v>
      </c>
      <c r="J31" s="14">
        <v>293311</v>
      </c>
      <c r="K31" s="14">
        <v>94747</v>
      </c>
      <c r="L31" s="14">
        <v>16</v>
      </c>
      <c r="M31" s="14">
        <v>0</v>
      </c>
      <c r="N31" s="14">
        <v>10000</v>
      </c>
      <c r="O31" s="14">
        <v>84763</v>
      </c>
      <c r="P31" s="14">
        <v>1858885</v>
      </c>
      <c r="Q31" s="14">
        <v>2828361</v>
      </c>
      <c r="R31" s="14">
        <v>198687</v>
      </c>
    </row>
    <row r="32" spans="1:18" s="3" customFormat="1" ht="17.25" customHeight="1">
      <c r="A32" s="8" t="s">
        <v>44</v>
      </c>
      <c r="B32" s="14">
        <v>12655</v>
      </c>
      <c r="C32" s="14">
        <v>11764</v>
      </c>
      <c r="D32" s="14">
        <v>10724</v>
      </c>
      <c r="E32" s="19">
        <v>224.61</v>
      </c>
      <c r="F32" s="14">
        <v>5372619</v>
      </c>
      <c r="G32" s="14">
        <v>5178524</v>
      </c>
      <c r="H32" s="14">
        <v>194095</v>
      </c>
      <c r="I32" s="14">
        <v>5273</v>
      </c>
      <c r="J32" s="14">
        <v>188822</v>
      </c>
      <c r="K32" s="14">
        <v>14745</v>
      </c>
      <c r="L32" s="14">
        <v>650</v>
      </c>
      <c r="M32" s="14">
        <v>0</v>
      </c>
      <c r="N32" s="14">
        <v>0</v>
      </c>
      <c r="O32" s="14">
        <v>15395</v>
      </c>
      <c r="P32" s="14">
        <v>2025125</v>
      </c>
      <c r="Q32" s="14">
        <v>3316637</v>
      </c>
      <c r="R32" s="14">
        <v>250424</v>
      </c>
    </row>
    <row r="33" spans="1:18" s="3" customFormat="1" ht="17.25" customHeight="1">
      <c r="A33" s="8" t="s">
        <v>45</v>
      </c>
      <c r="B33" s="14">
        <v>15123</v>
      </c>
      <c r="C33" s="14">
        <v>16369</v>
      </c>
      <c r="D33" s="14">
        <v>17013</v>
      </c>
      <c r="E33" s="19">
        <v>6.55</v>
      </c>
      <c r="F33" s="14">
        <v>5929291</v>
      </c>
      <c r="G33" s="14">
        <v>5613287</v>
      </c>
      <c r="H33" s="14">
        <v>316004</v>
      </c>
      <c r="I33" s="14">
        <v>5807</v>
      </c>
      <c r="J33" s="14">
        <v>310197</v>
      </c>
      <c r="K33" s="14">
        <v>82485</v>
      </c>
      <c r="L33" s="14">
        <v>250078</v>
      </c>
      <c r="M33" s="14">
        <v>0</v>
      </c>
      <c r="N33" s="14">
        <v>0</v>
      </c>
      <c r="O33" s="14">
        <v>332563</v>
      </c>
      <c r="P33" s="14">
        <v>3201876</v>
      </c>
      <c r="Q33" s="14">
        <v>3667916</v>
      </c>
      <c r="R33" s="14">
        <v>215135</v>
      </c>
    </row>
    <row r="34" spans="1:18" s="3" customFormat="1" ht="17.25" customHeight="1">
      <c r="A34" s="8" t="s">
        <v>46</v>
      </c>
      <c r="B34" s="14">
        <v>14206</v>
      </c>
      <c r="C34" s="14">
        <v>13853</v>
      </c>
      <c r="D34" s="14">
        <v>11786</v>
      </c>
      <c r="E34" s="19">
        <v>92.86</v>
      </c>
      <c r="F34" s="14">
        <v>10369668</v>
      </c>
      <c r="G34" s="14">
        <v>9906839</v>
      </c>
      <c r="H34" s="14">
        <v>462829</v>
      </c>
      <c r="I34" s="14">
        <v>10331</v>
      </c>
      <c r="J34" s="14">
        <v>452498</v>
      </c>
      <c r="K34" s="14">
        <v>17778</v>
      </c>
      <c r="L34" s="14">
        <v>631263</v>
      </c>
      <c r="M34" s="14">
        <v>0</v>
      </c>
      <c r="N34" s="14">
        <v>131554</v>
      </c>
      <c r="O34" s="14">
        <v>517487</v>
      </c>
      <c r="P34" s="14">
        <v>5692484</v>
      </c>
      <c r="Q34" s="14">
        <v>5692484</v>
      </c>
      <c r="R34" s="14">
        <v>0</v>
      </c>
    </row>
    <row r="35" spans="1:18" s="3" customFormat="1" ht="17.25" customHeight="1">
      <c r="A35" s="8" t="s">
        <v>47</v>
      </c>
      <c r="B35" s="14">
        <v>8714</v>
      </c>
      <c r="C35" s="14">
        <v>8212</v>
      </c>
      <c r="D35" s="14">
        <v>7333</v>
      </c>
      <c r="E35" s="19">
        <v>7.05</v>
      </c>
      <c r="F35" s="14">
        <v>3561723</v>
      </c>
      <c r="G35" s="14">
        <v>3279341</v>
      </c>
      <c r="H35" s="14">
        <v>282382</v>
      </c>
      <c r="I35" s="14">
        <v>1362</v>
      </c>
      <c r="J35" s="14">
        <v>281020</v>
      </c>
      <c r="K35" s="14">
        <v>30994</v>
      </c>
      <c r="L35" s="14">
        <v>9101</v>
      </c>
      <c r="M35" s="14">
        <v>0</v>
      </c>
      <c r="N35" s="14">
        <v>0</v>
      </c>
      <c r="O35" s="14">
        <v>40095</v>
      </c>
      <c r="P35" s="14">
        <v>1064124</v>
      </c>
      <c r="Q35" s="14">
        <v>2116637</v>
      </c>
      <c r="R35" s="14">
        <v>135882</v>
      </c>
    </row>
    <row r="36" spans="1:18" s="3" customFormat="1" ht="17.25" customHeight="1">
      <c r="A36" s="8" t="s">
        <v>48</v>
      </c>
      <c r="B36" s="14">
        <v>27430</v>
      </c>
      <c r="C36" s="14">
        <v>26848</v>
      </c>
      <c r="D36" s="14">
        <v>25026</v>
      </c>
      <c r="E36" s="19">
        <v>40.97</v>
      </c>
      <c r="F36" s="14">
        <v>10475191</v>
      </c>
      <c r="G36" s="14">
        <v>10223094</v>
      </c>
      <c r="H36" s="14">
        <v>252097</v>
      </c>
      <c r="I36" s="14">
        <v>139599</v>
      </c>
      <c r="J36" s="14">
        <v>112498</v>
      </c>
      <c r="K36" s="14">
        <v>-309931</v>
      </c>
      <c r="L36" s="14">
        <v>209174</v>
      </c>
      <c r="M36" s="14">
        <v>0</v>
      </c>
      <c r="N36" s="14">
        <v>0</v>
      </c>
      <c r="O36" s="14">
        <v>-100757</v>
      </c>
      <c r="P36" s="14">
        <v>3862443</v>
      </c>
      <c r="Q36" s="14">
        <v>5502070</v>
      </c>
      <c r="R36" s="14">
        <v>438035</v>
      </c>
    </row>
    <row r="37" spans="1:18" s="3" customFormat="1" ht="17.25" customHeight="1">
      <c r="A37" s="8" t="s">
        <v>49</v>
      </c>
      <c r="B37" s="14">
        <v>42045</v>
      </c>
      <c r="C37" s="14">
        <v>42089</v>
      </c>
      <c r="D37" s="14">
        <v>40343</v>
      </c>
      <c r="E37" s="19">
        <v>34.28</v>
      </c>
      <c r="F37" s="14">
        <v>12696005</v>
      </c>
      <c r="G37" s="14">
        <v>12024693</v>
      </c>
      <c r="H37" s="14">
        <v>671312</v>
      </c>
      <c r="I37" s="14">
        <v>15464</v>
      </c>
      <c r="J37" s="14">
        <v>655848</v>
      </c>
      <c r="K37" s="14">
        <v>178180</v>
      </c>
      <c r="L37" s="14">
        <v>225955</v>
      </c>
      <c r="M37" s="14">
        <v>0</v>
      </c>
      <c r="N37" s="14">
        <v>94133</v>
      </c>
      <c r="O37" s="14">
        <v>310002</v>
      </c>
      <c r="P37" s="14">
        <v>8156640</v>
      </c>
      <c r="Q37" s="14">
        <v>8252258</v>
      </c>
      <c r="R37" s="14">
        <v>76538</v>
      </c>
    </row>
    <row r="38" spans="1:18" ht="17.25" customHeight="1">
      <c r="A38" s="9" t="s">
        <v>50</v>
      </c>
      <c r="B38" s="15">
        <v>3507</v>
      </c>
      <c r="C38" s="15">
        <v>3459</v>
      </c>
      <c r="D38" s="15">
        <v>3214</v>
      </c>
      <c r="E38" s="20">
        <v>71.239999999999995</v>
      </c>
      <c r="F38" s="15">
        <v>3110071</v>
      </c>
      <c r="G38" s="15">
        <v>2863627</v>
      </c>
      <c r="H38" s="15">
        <v>246444</v>
      </c>
      <c r="I38" s="15">
        <v>190174</v>
      </c>
      <c r="J38" s="15">
        <v>56270</v>
      </c>
      <c r="K38" s="15">
        <v>-21023</v>
      </c>
      <c r="L38" s="15">
        <v>50489</v>
      </c>
      <c r="M38" s="15">
        <v>0</v>
      </c>
      <c r="N38" s="15">
        <v>210000</v>
      </c>
      <c r="O38" s="15">
        <v>-180534</v>
      </c>
      <c r="P38" s="15">
        <v>1497313</v>
      </c>
      <c r="Q38" s="15">
        <v>1600923</v>
      </c>
      <c r="R38" s="15">
        <v>76946</v>
      </c>
    </row>
    <row r="39" spans="1:18" ht="17.25" customHeight="1">
      <c r="A39" s="10" t="s">
        <v>51</v>
      </c>
      <c r="B39" s="16">
        <v>8791597</v>
      </c>
      <c r="C39" s="16">
        <v>9048331</v>
      </c>
      <c r="D39" s="16">
        <v>9126214</v>
      </c>
      <c r="E39" s="21">
        <v>2416.17</v>
      </c>
      <c r="F39" s="16">
        <v>3832292296</v>
      </c>
      <c r="G39" s="16">
        <v>3750264874</v>
      </c>
      <c r="H39" s="16">
        <v>82027422</v>
      </c>
      <c r="I39" s="16">
        <v>19043614</v>
      </c>
      <c r="J39" s="16">
        <v>62983808</v>
      </c>
      <c r="K39" s="16">
        <v>11293334</v>
      </c>
      <c r="L39" s="16">
        <v>29823919</v>
      </c>
      <c r="M39" s="16">
        <v>535552</v>
      </c>
      <c r="N39" s="16">
        <v>26413284</v>
      </c>
      <c r="O39" s="16">
        <v>15239521</v>
      </c>
      <c r="P39" s="16">
        <v>1917125324</v>
      </c>
      <c r="Q39" s="16">
        <v>2090105644</v>
      </c>
      <c r="R39" s="16">
        <v>104252741</v>
      </c>
    </row>
    <row r="40" spans="1:18" ht="36" customHeight="1">
      <c r="E40" s="23" t="s">
        <v>76</v>
      </c>
      <c r="F40" s="24"/>
      <c r="G40" s="24"/>
      <c r="H40" s="24"/>
    </row>
  </sheetData>
  <mergeCells count="1">
    <mergeCell ref="E40:H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平成29年度市町村普通会計決算状況
　（１）総括［&amp;P/&amp;N］&amp;R&amp;"ＭＳ ゴシック,標準"&amp;10
（単位：千円）</oddHeader>
    <firstHeader>&amp;L&amp;"ＭＳ ゴシック,標準"&amp;10 １　平成29年度市町村普通会計決算状況
　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8-12-05T05:40:09Z</cp:lastPrinted>
  <dcterms:created xsi:type="dcterms:W3CDTF">2013-03-18T10:11:22Z</dcterms:created>
  <dcterms:modified xsi:type="dcterms:W3CDTF">2018-12-06T04:36:01Z</dcterms:modified>
</cp:coreProperties>
</file>